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30224"/>
  <workbookPr filterPrivacy="1"/>
  <xr:revisionPtr revIDLastSave="0" documentId="8_{698DCBB3-08F1-478B-8AA0-CDC065CCBED3}" xr6:coauthVersionLast="47" xr6:coauthVersionMax="47" xr10:uidLastSave="{00000000-0000-0000-0000-000000000000}"/>
  <bookViews>
    <workbookView xWindow="20544" yWindow="0" windowWidth="20832" windowHeight="16656" xr2:uid="{00000000-000D-0000-FFFF-FFFF00000000}"/>
  </bookViews>
  <sheets>
    <sheet name="Sheet1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24" uniqueCount="117">
  <si>
    <t>Short title</t>
  </si>
  <si>
    <t>Filename</t>
  </si>
  <si>
    <t>MD5 hash</t>
  </si>
  <si>
    <t>Info/Bibliographic info</t>
  </si>
  <si>
    <t>DOI</t>
  </si>
  <si>
    <r>
      <t>Codon usage table for </t>
    </r>
    <r>
      <rPr>
        <i/>
        <sz val="11"/>
        <rFont val="Aptos Narrow"/>
        <family val="2"/>
        <scheme val="minor"/>
      </rPr>
      <t>L. japonicus</t>
    </r>
    <r>
      <rPr>
        <sz val="11"/>
        <rFont val="Aptos Narrow"/>
        <family val="2"/>
        <scheme val="minor"/>
      </rPr>
      <t> v3.0</t>
    </r>
  </si>
  <si>
    <t>CodonUsageTable_Ljv3.0.xlsx</t>
  </si>
  <si>
    <t>c204765463f5f5f40f6f30da3639b27b</t>
  </si>
  <si>
    <t>Mun et al. (2016) Sci Rep, 6.</t>
  </si>
  <si>
    <t xml:space="preserve"> doi: 10.1038/srep39447</t>
  </si>
  <si>
    <t>FSTpoolit program v0.21</t>
  </si>
  <si>
    <t>FSTpoolit_v0.21.tar.gz</t>
  </si>
  <si>
    <t>4839565966dd124926407f616ee564f0</t>
  </si>
  <si>
    <t xml:space="preserve">Urbański et al. (2012) Plant J, 69(4). </t>
  </si>
  <si>
    <t>doi: 10.1111/j.1365-313X.2011.04827.x</t>
  </si>
  <si>
    <r>
      <t>LORE1</t>
    </r>
    <r>
      <rPr>
        <sz val="11"/>
        <rFont val="Aptos Narrow"/>
        <family val="2"/>
        <scheme val="minor"/>
      </rPr>
      <t> insertions (MG20 v3.0)</t>
    </r>
  </si>
  <si>
    <t>LORE1ins_MG20_3.0.gff3.gz</t>
  </si>
  <si>
    <t>35440b6e3c5c55c9d9d5945c3923fdb1</t>
  </si>
  <si>
    <r>
      <t>LORE1</t>
    </r>
    <r>
      <rPr>
        <sz val="11"/>
        <rFont val="Aptos Narrow"/>
        <family val="2"/>
        <scheme val="minor"/>
      </rPr>
      <t> insertions mapped against the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MG20 v3.0 genome. File is in GFF3 format.</t>
    </r>
  </si>
  <si>
    <r>
      <t>Lotus japonicus</t>
    </r>
    <r>
      <rPr>
        <sz val="11"/>
        <rFont val="Aptos Narrow"/>
        <family val="2"/>
        <scheme val="minor"/>
      </rPr>
      <t> Gifu v1.2 assembly</t>
    </r>
  </si>
  <si>
    <t>Lotusjaponicus_Gifu_v1.2_genome.fa.gz</t>
  </si>
  <si>
    <t>ec94ee57478d395b9dc37bbabaa96767</t>
  </si>
  <si>
    <r>
      <t>Version 1.2 of the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Gifu genome.</t>
    </r>
  </si>
  <si>
    <r>
      <t>Lotus japonicus</t>
    </r>
    <r>
      <rPr>
        <sz val="11"/>
        <rFont val="Aptos Narrow"/>
        <family val="2"/>
        <scheme val="minor"/>
      </rPr>
      <t> Gifu v1.2 assembly gene annotations</t>
    </r>
  </si>
  <si>
    <t>Lotusjaponicus_Gifu_v1.2_predictedGenes.gff3.gz</t>
  </si>
  <si>
    <t>40c53437ba4e91b86caf045944bbdf42</t>
  </si>
  <si>
    <r>
      <t>Gene annotation of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Gifu v1.2, written in gff3 format.</t>
    </r>
  </si>
  <si>
    <r>
      <t>Lotus japonicus</t>
    </r>
    <r>
      <rPr>
        <sz val="11"/>
        <rFont val="Aptos Narrow"/>
        <family val="2"/>
        <scheme val="minor"/>
      </rPr>
      <t> Gifu v1.2 assembly gene annotations (updated as v1.3)</t>
    </r>
  </si>
  <si>
    <t>Lotusjaponicus_Gifu_v1.3_predictedProteins.gff3.gz</t>
  </si>
  <si>
    <t>444d7a31a4d70b0136974a1fa3aa3204</t>
  </si>
  <si>
    <r>
      <t>Gene annotation of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Gifu v1.2, written in gff3 format. </t>
    </r>
    <r>
      <rPr>
        <b/>
        <sz val="11"/>
        <rFont val="Aptos Narrow"/>
        <family val="2"/>
        <scheme val="minor"/>
      </rPr>
      <t>This supersedes the v1.2 gff3 file.</t>
    </r>
  </si>
  <si>
    <r>
      <t>Lotus japonicus</t>
    </r>
    <r>
      <rPr>
        <sz val="11"/>
        <rFont val="Aptos Narrow"/>
        <family val="2"/>
        <scheme val="minor"/>
      </rPr>
      <t> Gifu v1.2 CDS</t>
    </r>
  </si>
  <si>
    <t>Lotusjaponicus_Gifu_v1.2_cds.fa.gz</t>
  </si>
  <si>
    <t>d83e1b76005bf4db0bd548fdbc4ccbb9</t>
  </si>
  <si>
    <r>
      <t>Coding sequences predicted from v1.2 of the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Gifu genome assembly</t>
    </r>
  </si>
  <si>
    <r>
      <t>Lotus japonicus</t>
    </r>
    <r>
      <rPr>
        <sz val="11"/>
        <rFont val="Aptos Narrow"/>
        <family val="2"/>
        <scheme val="minor"/>
      </rPr>
      <t> Gifu v1.2 gene ontology (GO) annotation file</t>
    </r>
  </si>
  <si>
    <t>Lotusjaponicus_Gifu_v1.2_geneOntology.gaf.gz</t>
  </si>
  <si>
    <t>1f734344c29f6b568d704373f90d8c3d</t>
  </si>
  <si>
    <t>Gene annotation file with domain predictions performed using InterProScan</t>
  </si>
  <si>
    <r>
      <t>Lotus japonicus</t>
    </r>
    <r>
      <rPr>
        <sz val="11"/>
        <rFont val="Aptos Narrow"/>
        <family val="2"/>
        <scheme val="minor"/>
      </rPr>
      <t> Gifu v1.2 non-coding RNA</t>
    </r>
  </si>
  <si>
    <t>Lotusjaponicus_Gifu_v1.2_ncRNA.gff3.gz</t>
  </si>
  <si>
    <t>9368476672852cf621670a14c6fc1f6d</t>
  </si>
  <si>
    <r>
      <t>Non-coding RNA of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Gifu v1.2, written in gff3 format.</t>
    </r>
  </si>
  <si>
    <r>
      <t>Lotus japonicus</t>
    </r>
    <r>
      <rPr>
        <sz val="11"/>
        <rFont val="Aptos Narrow"/>
        <family val="2"/>
        <scheme val="minor"/>
      </rPr>
      <t> Gifu v1.2 Proteins</t>
    </r>
  </si>
  <si>
    <t>Lotusjaponicus_Gifu_v1.2_proteins.fa.gz</t>
  </si>
  <si>
    <t>81ac5678e2a7ce46f01b242fcf1d1a85</t>
  </si>
  <si>
    <r>
      <t>Predicted proteins based on v1.2 of the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Gifu genome assembly</t>
    </r>
  </si>
  <si>
    <r>
      <t>Lotus japonicus</t>
    </r>
    <r>
      <rPr>
        <sz val="11"/>
        <rFont val="Aptos Narrow"/>
        <family val="2"/>
        <scheme val="minor"/>
      </rPr>
      <t> Gifu v1.2 repeats</t>
    </r>
  </si>
  <si>
    <t>Lotusjaponicus_Gifu_v1.2_repeats.gff3.gz</t>
  </si>
  <si>
    <t>fecc99ad8d0f9137349a4e30b154caa6</t>
  </si>
  <si>
    <r>
      <t>Repeats of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Gifu v1.2, written in gff3 format.</t>
    </r>
  </si>
  <si>
    <r>
      <t>Lotus japonicus</t>
    </r>
    <r>
      <rPr>
        <sz val="11"/>
        <rFont val="Aptos Narrow"/>
        <family val="2"/>
        <scheme val="minor"/>
      </rPr>
      <t> Gifu v1.3 CDS</t>
    </r>
  </si>
  <si>
    <t>Lotusjaponicus_Gifu_v1.3_cds.fa.gz</t>
  </si>
  <si>
    <t>39fd2b5aa169e8eb18d55e4350fbc33c</t>
  </si>
  <si>
    <r>
      <t>Updated coding sequences predicted from v1.2 of the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Gifu genome assembly. This supersedes the v1.2 CDS file.</t>
    </r>
  </si>
  <si>
    <r>
      <t>Lotus japonicus</t>
    </r>
    <r>
      <rPr>
        <sz val="11"/>
        <rFont val="Aptos Narrow"/>
        <family val="2"/>
        <scheme val="minor"/>
      </rPr>
      <t> Gifu v1.3 Proteins</t>
    </r>
  </si>
  <si>
    <t>Lotusjaponicus_Gifu_v1.3_proteins.fa.gz</t>
  </si>
  <si>
    <t>a297c83c5e213c1ca5a287316caccb36</t>
  </si>
  <si>
    <r>
      <t>Updated predicted proteins based on v1.2 of the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Gifu genome assembly. </t>
    </r>
    <r>
      <rPr>
        <b/>
        <sz val="11"/>
        <rFont val="Aptos Narrow"/>
        <family val="2"/>
        <scheme val="minor"/>
      </rPr>
      <t>This supersedes the v1.2 proteins file.</t>
    </r>
  </si>
  <si>
    <r>
      <t>Lotus japonicus</t>
    </r>
    <r>
      <rPr>
        <sz val="11"/>
        <rFont val="Aptos Narrow"/>
        <family val="2"/>
        <scheme val="minor"/>
      </rPr>
      <t> MG20 v2.5 CDS</t>
    </r>
  </si>
  <si>
    <t>Lotusjaponicus_MG20_v2.5_cds.fa.gz</t>
  </si>
  <si>
    <t>e5397bbb6b5b590ac31cac0e0594236f</t>
  </si>
  <si>
    <r>
      <t>Coding sequences predicted from v2.5 of the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MG20 genome assembly</t>
    </r>
  </si>
  <si>
    <r>
      <t>Lotus japonicus</t>
    </r>
    <r>
      <rPr>
        <sz val="11"/>
        <rFont val="Aptos Narrow"/>
        <family val="2"/>
        <scheme val="minor"/>
      </rPr>
      <t> MG20 v2.5 Genome</t>
    </r>
  </si>
  <si>
    <t>Lotusjaponicus_MG20_v2.5_LjSGA_genome.fa.gz</t>
  </si>
  <si>
    <t>bd2a7f9184837d05c86f910b1c6fc149</t>
  </si>
  <si>
    <r>
      <t>Lotus japonicus</t>
    </r>
    <r>
      <rPr>
        <sz val="11"/>
        <rFont val="Aptos Narrow"/>
        <family val="2"/>
        <scheme val="minor"/>
      </rPr>
      <t> MG20 v2.5 genome assembly</t>
    </r>
  </si>
  <si>
    <r>
      <t>Lotus japonicus</t>
    </r>
    <r>
      <rPr>
        <sz val="11"/>
        <rFont val="Aptos Narrow"/>
        <family val="2"/>
        <scheme val="minor"/>
      </rPr>
      <t> MG20 v2.5 Proteins</t>
    </r>
  </si>
  <si>
    <t>Lotusjaponicus_MG20_v2.5_proteins.fa.gz</t>
  </si>
  <si>
    <t>23d4daeec2441e055a7e7e6b69cd9388</t>
  </si>
  <si>
    <r>
      <t>Predicted proteins based on v2.5 of the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MG20 genome assembly</t>
    </r>
  </si>
  <si>
    <r>
      <t>Lotus japonicus</t>
    </r>
    <r>
      <rPr>
        <sz val="11"/>
        <rFont val="Aptos Narrow"/>
        <family val="2"/>
        <scheme val="minor"/>
      </rPr>
      <t> MG20 v3.0 assembly gene annotations</t>
    </r>
  </si>
  <si>
    <t>Lotusjaponicus_MG20_v3.0_annotations.gff3.gz</t>
  </si>
  <si>
    <t>baafdee6708503c328ad9e2382e88259</t>
  </si>
  <si>
    <r>
      <t>Gene annotation of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MG20 v3.0, written in gff3 format.</t>
    </r>
  </si>
  <si>
    <r>
      <t>Lotus japonicus</t>
    </r>
    <r>
      <rPr>
        <sz val="11"/>
        <rFont val="Aptos Narrow"/>
        <family val="2"/>
        <scheme val="minor"/>
      </rPr>
      <t> MG20 v3.0 cDNA (mRNA)</t>
    </r>
  </si>
  <si>
    <t>Lotusjaponicus_MG20_v3.0_cdna.fa.gz</t>
  </si>
  <si>
    <t>350e40354f6b057d175fe5c8ff7dddae</t>
  </si>
  <si>
    <r>
      <t>Complementary DNA (cDNA) predicted based on v3.0 of the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MG20 genome assembly</t>
    </r>
  </si>
  <si>
    <r>
      <t>Lotus japonicus</t>
    </r>
    <r>
      <rPr>
        <sz val="11"/>
        <rFont val="Aptos Narrow"/>
        <family val="2"/>
        <scheme val="minor"/>
      </rPr>
      <t> MG20 v3.0 CDS</t>
    </r>
  </si>
  <si>
    <t>Lotusjaponicus_MG20_v3.0_cds.fa.gz</t>
  </si>
  <si>
    <t>731b433d489ebc7039305c67bd2b1d89</t>
  </si>
  <si>
    <r>
      <t>Coding sequences predicted from v3.0 of the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MG20 genome assembly</t>
    </r>
  </si>
  <si>
    <r>
      <t>Lotus japonicus</t>
    </r>
    <r>
      <rPr>
        <sz val="11"/>
        <rFont val="Aptos Narrow"/>
        <family val="2"/>
        <scheme val="minor"/>
      </rPr>
      <t> MG20 v3.0 gene ontology (GO) annotation file</t>
    </r>
  </si>
  <si>
    <t>Lotusjaponicus_MG20_v3.0_geneOntology.gaf.gz</t>
  </si>
  <si>
    <t>7da04254fb8857717d00954966c9ffa3</t>
  </si>
  <si>
    <r>
      <t>Lotus japonicus</t>
    </r>
    <r>
      <rPr>
        <sz val="11"/>
        <rFont val="Aptos Narrow"/>
        <family val="2"/>
        <scheme val="minor"/>
      </rPr>
      <t> MG20 v3.0 Genome</t>
    </r>
  </si>
  <si>
    <t>Lotusjaponicus_MG20_v3.0_genome.fa.gz</t>
  </si>
  <si>
    <t>08bdeb9d026debc04c35672063fd6959</t>
  </si>
  <si>
    <r>
      <t>Lotus japonicus</t>
    </r>
    <r>
      <rPr>
        <sz val="11"/>
        <rFont val="Aptos Narrow"/>
        <family val="2"/>
        <scheme val="minor"/>
      </rPr>
      <t> MG20 v3.0 genome assembly</t>
    </r>
  </si>
  <si>
    <r>
      <t>Lotus japonicus</t>
    </r>
    <r>
      <rPr>
        <sz val="11"/>
        <rFont val="Aptos Narrow"/>
        <family val="2"/>
        <scheme val="minor"/>
      </rPr>
      <t> MG20 v3.0 Proteins</t>
    </r>
  </si>
  <si>
    <t>Lotusjaponicus_MG20_v3.0_proteins.fa.gz</t>
  </si>
  <si>
    <t>e501f31cf850d74cb8c51ba7f684f4bf</t>
  </si>
  <si>
    <r>
      <t>Predicted proteins based on v3.0 of the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MG20 genome assembly</t>
    </r>
  </si>
  <si>
    <r>
      <t>Lotus japonicus</t>
    </r>
    <r>
      <rPr>
        <sz val="11"/>
        <rFont val="Aptos Narrow"/>
        <family val="2"/>
        <scheme val="minor"/>
      </rPr>
      <t> transcript mapping table</t>
    </r>
  </si>
  <si>
    <t>Lotusjaponicus_TranscriptMapping.csv.gz</t>
  </si>
  <si>
    <t>10ede41cb6356c5cbb6eed7b912d1c74</t>
  </si>
  <si>
    <t>A table containing bi-directional BLASTn hits for the MG20 2.5 to MG20 3.0 genome, as well as the MG20 3.0 to Gifu 1.2 genome.</t>
  </si>
  <si>
    <r>
      <t>Raw data of </t>
    </r>
    <r>
      <rPr>
        <i/>
        <sz val="11"/>
        <rFont val="Aptos Narrow"/>
        <family val="2"/>
        <scheme val="minor"/>
      </rPr>
      <t>LORE1</t>
    </r>
    <r>
      <rPr>
        <sz val="11"/>
        <rFont val="Aptos Narrow"/>
        <family val="2"/>
        <scheme val="minor"/>
      </rPr>
      <t> insertions (MG20 v3.0)</t>
    </r>
  </si>
  <si>
    <t>LORE1ins_MG20_3.0.txt.gz</t>
  </si>
  <si>
    <t>6cd5a37b4d282fc13f97119102e87de5</t>
  </si>
  <si>
    <r>
      <t>LORE1</t>
    </r>
    <r>
      <rPr>
        <sz val="11"/>
        <rFont val="Aptos Narrow"/>
        <family val="2"/>
        <scheme val="minor"/>
      </rPr>
      <t> insertions mapped against the Raw data of </t>
    </r>
    <r>
      <rPr>
        <i/>
        <sz val="11"/>
        <rFont val="Aptos Narrow"/>
        <family val="2"/>
        <scheme val="minor"/>
      </rPr>
      <t>Lotus japonicus</t>
    </r>
    <r>
      <rPr>
        <sz val="11"/>
        <rFont val="Aptos Narrow"/>
        <family val="2"/>
        <scheme val="minor"/>
      </rPr>
      <t> MG20 v3.0 genome. File is in tab-separated format.</t>
    </r>
  </si>
  <si>
    <t>Readme file for FSTpoolit</t>
  </si>
  <si>
    <t>FSTpoolit_README.txt</t>
  </si>
  <si>
    <t>fb20d5116621c5b275cd55836b5bf763</t>
  </si>
  <si>
    <t>Shortran demo output</t>
  </si>
  <si>
    <t>shortran_demo-output.tar.gz</t>
  </si>
  <si>
    <t>2343ac9f3ec251b7c1f01d6f8c6a169a</t>
  </si>
  <si>
    <t xml:space="preserve">Gupta et al. (2012) Bioinformatics, 28(20). </t>
  </si>
  <si>
    <t>doi: 10.1093/bioinformatics/bts496</t>
  </si>
  <si>
    <t>Shortran user manual</t>
  </si>
  <si>
    <t>shortran_v.0.43_manual.pdf</t>
  </si>
  <si>
    <t>c7fc0b5e7f3fbe4adec75e1b46ad5c43</t>
  </si>
  <si>
    <t>Shortran v0.43</t>
  </si>
  <si>
    <t>shortran_0.43.tar.gz</t>
  </si>
  <si>
    <t>34b1495171f58c48a95a77122e720af3</t>
  </si>
  <si>
    <t xml:space="preserve">If errors are found, contact lotus.base@au.dk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5">
    <font>
      <sz val="11"/>
      <color theme="1"/>
      <name val="Aptos Narrow"/>
      <family val="2"/>
      <scheme val="minor"/>
    </font>
    <font>
      <b/>
      <sz val="11"/>
      <name val="Aptos Narrow"/>
      <family val="2"/>
      <scheme val="minor"/>
    </font>
    <font>
      <sz val="11"/>
      <name val="Aptos Narrow"/>
      <family val="2"/>
      <scheme val="minor"/>
    </font>
    <font>
      <i/>
      <sz val="11"/>
      <name val="Aptos Narrow"/>
      <family val="2"/>
      <scheme val="minor"/>
    </font>
    <font>
      <i/>
      <sz val="11"/>
      <color rgb="FFFF0000"/>
      <name val="Aptos Narrow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2" tint="-9.9978637043366805E-2"/>
        <bgColor indexed="64"/>
      </patternFill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9">
    <xf numFmtId="0" fontId="0" fillId="0" borderId="0" xfId="0"/>
    <xf numFmtId="0" fontId="2" fillId="0" borderId="0" xfId="0" applyFont="1" applyAlignment="1">
      <alignment vertical="center"/>
    </xf>
    <xf numFmtId="0" fontId="3" fillId="0" borderId="0" xfId="0" applyFont="1" applyAlignment="1">
      <alignment vertical="center"/>
    </xf>
    <xf numFmtId="0" fontId="2" fillId="0" borderId="0" xfId="0" applyFont="1"/>
    <xf numFmtId="0" fontId="3" fillId="0" borderId="0" xfId="0" applyFont="1"/>
    <xf numFmtId="11" fontId="2" fillId="0" borderId="0" xfId="0" applyNumberFormat="1" applyFont="1"/>
    <xf numFmtId="0" fontId="4" fillId="0" borderId="0" xfId="0" applyFont="1"/>
    <xf numFmtId="0" fontId="1" fillId="2" borderId="0" xfId="0" applyFont="1" applyFill="1"/>
    <xf numFmtId="0" fontId="0" fillId="2" borderId="0" xfId="0" applyFill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E34"/>
  <sheetViews>
    <sheetView tabSelected="1" topLeftCell="A21" workbookViewId="0">
      <selection activeCell="A31" sqref="A31:XFD32"/>
    </sheetView>
  </sheetViews>
  <sheetFormatPr defaultRowHeight="14.45"/>
  <cols>
    <col min="1" max="1" width="36.140625" customWidth="1"/>
    <col min="2" max="2" width="43.7109375" customWidth="1"/>
    <col min="3" max="3" width="35.140625" customWidth="1"/>
    <col min="4" max="4" width="39" customWidth="1"/>
    <col min="5" max="5" width="25.85546875" customWidth="1"/>
  </cols>
  <sheetData>
    <row r="1" spans="1:5" s="8" customFormat="1">
      <c r="A1" s="7" t="s">
        <v>0</v>
      </c>
      <c r="B1" s="7" t="s">
        <v>1</v>
      </c>
      <c r="C1" s="7" t="s">
        <v>2</v>
      </c>
      <c r="D1" s="7" t="s">
        <v>3</v>
      </c>
      <c r="E1" s="7" t="s">
        <v>4</v>
      </c>
    </row>
    <row r="2" spans="1:5" ht="15">
      <c r="A2" s="1" t="s">
        <v>5</v>
      </c>
      <c r="B2" s="3" t="s">
        <v>6</v>
      </c>
      <c r="C2" s="3" t="s">
        <v>7</v>
      </c>
      <c r="D2" s="3" t="s">
        <v>8</v>
      </c>
      <c r="E2" s="3" t="s">
        <v>9</v>
      </c>
    </row>
    <row r="3" spans="1:5" ht="15">
      <c r="A3" s="1" t="s">
        <v>10</v>
      </c>
      <c r="B3" s="3" t="s">
        <v>11</v>
      </c>
      <c r="C3" s="3" t="s">
        <v>12</v>
      </c>
      <c r="D3" s="3" t="s">
        <v>13</v>
      </c>
      <c r="E3" s="3" t="s">
        <v>14</v>
      </c>
    </row>
    <row r="4" spans="1:5" ht="15">
      <c r="A4" s="2" t="s">
        <v>15</v>
      </c>
      <c r="B4" s="3" t="s">
        <v>16</v>
      </c>
      <c r="C4" s="3" t="s">
        <v>17</v>
      </c>
      <c r="D4" s="4" t="s">
        <v>18</v>
      </c>
      <c r="E4" s="3"/>
    </row>
    <row r="5" spans="1:5" ht="15">
      <c r="A5" s="2" t="s">
        <v>19</v>
      </c>
      <c r="B5" s="3" t="s">
        <v>20</v>
      </c>
      <c r="C5" s="3" t="s">
        <v>21</v>
      </c>
      <c r="D5" s="3" t="s">
        <v>22</v>
      </c>
      <c r="E5" s="3"/>
    </row>
    <row r="6" spans="1:5" ht="15">
      <c r="A6" s="2" t="s">
        <v>23</v>
      </c>
      <c r="B6" s="3" t="s">
        <v>24</v>
      </c>
      <c r="C6" s="3" t="s">
        <v>25</v>
      </c>
      <c r="D6" s="3" t="s">
        <v>26</v>
      </c>
      <c r="E6" s="3"/>
    </row>
    <row r="7" spans="1:5" ht="15">
      <c r="A7" s="2" t="s">
        <v>27</v>
      </c>
      <c r="B7" s="3" t="s">
        <v>28</v>
      </c>
      <c r="C7" s="3" t="s">
        <v>29</v>
      </c>
      <c r="D7" s="3" t="s">
        <v>30</v>
      </c>
      <c r="E7" s="3"/>
    </row>
    <row r="8" spans="1:5" ht="15">
      <c r="A8" s="2" t="s">
        <v>31</v>
      </c>
      <c r="B8" s="3" t="s">
        <v>32</v>
      </c>
      <c r="C8" s="3" t="s">
        <v>33</v>
      </c>
      <c r="D8" s="3" t="s">
        <v>34</v>
      </c>
      <c r="E8" s="3"/>
    </row>
    <row r="9" spans="1:5" ht="15">
      <c r="A9" s="2" t="s">
        <v>35</v>
      </c>
      <c r="B9" s="3" t="s">
        <v>36</v>
      </c>
      <c r="C9" s="3" t="s">
        <v>37</v>
      </c>
      <c r="D9" s="3" t="s">
        <v>38</v>
      </c>
      <c r="E9" s="3"/>
    </row>
    <row r="10" spans="1:5" ht="15">
      <c r="A10" s="2" t="s">
        <v>39</v>
      </c>
      <c r="B10" s="3" t="s">
        <v>40</v>
      </c>
      <c r="C10" s="3" t="s">
        <v>41</v>
      </c>
      <c r="D10" s="3" t="s">
        <v>42</v>
      </c>
      <c r="E10" s="3"/>
    </row>
    <row r="11" spans="1:5" ht="15">
      <c r="A11" s="2" t="s">
        <v>43</v>
      </c>
      <c r="B11" s="3" t="s">
        <v>44</v>
      </c>
      <c r="C11" s="3" t="s">
        <v>45</v>
      </c>
      <c r="D11" s="3" t="s">
        <v>46</v>
      </c>
      <c r="E11" s="3"/>
    </row>
    <row r="12" spans="1:5" ht="15">
      <c r="A12" s="2" t="s">
        <v>47</v>
      </c>
      <c r="B12" s="3" t="s">
        <v>48</v>
      </c>
      <c r="C12" s="3" t="s">
        <v>49</v>
      </c>
      <c r="D12" s="3" t="s">
        <v>50</v>
      </c>
      <c r="E12" s="3"/>
    </row>
    <row r="13" spans="1:5" ht="15">
      <c r="A13" s="2" t="s">
        <v>51</v>
      </c>
      <c r="B13" s="3" t="s">
        <v>52</v>
      </c>
      <c r="C13" s="3" t="s">
        <v>53</v>
      </c>
      <c r="D13" s="3" t="s">
        <v>54</v>
      </c>
      <c r="E13" s="3"/>
    </row>
    <row r="14" spans="1:5" ht="15">
      <c r="A14" s="2" t="s">
        <v>55</v>
      </c>
      <c r="B14" s="3" t="s">
        <v>56</v>
      </c>
      <c r="C14" s="3" t="s">
        <v>57</v>
      </c>
      <c r="D14" s="3" t="s">
        <v>58</v>
      </c>
      <c r="E14" s="3"/>
    </row>
    <row r="15" spans="1:5" ht="15">
      <c r="A15" s="2" t="s">
        <v>59</v>
      </c>
      <c r="B15" s="3" t="s">
        <v>60</v>
      </c>
      <c r="C15" s="3" t="s">
        <v>61</v>
      </c>
      <c r="D15" s="3" t="s">
        <v>62</v>
      </c>
      <c r="E15" s="3"/>
    </row>
    <row r="16" spans="1:5" ht="15">
      <c r="A16" s="2" t="s">
        <v>63</v>
      </c>
      <c r="B16" s="3" t="s">
        <v>64</v>
      </c>
      <c r="C16" s="3" t="s">
        <v>65</v>
      </c>
      <c r="D16" s="4" t="s">
        <v>66</v>
      </c>
      <c r="E16" s="3"/>
    </row>
    <row r="17" spans="1:5" ht="15">
      <c r="A17" s="2" t="s">
        <v>67</v>
      </c>
      <c r="B17" s="3" t="s">
        <v>68</v>
      </c>
      <c r="C17" s="3" t="s">
        <v>69</v>
      </c>
      <c r="D17" s="3" t="s">
        <v>70</v>
      </c>
      <c r="E17" s="3"/>
    </row>
    <row r="18" spans="1:5" ht="15">
      <c r="A18" s="2" t="s">
        <v>71</v>
      </c>
      <c r="B18" s="3" t="s">
        <v>72</v>
      </c>
      <c r="C18" s="3" t="s">
        <v>73</v>
      </c>
      <c r="D18" s="3" t="s">
        <v>74</v>
      </c>
      <c r="E18" s="3"/>
    </row>
    <row r="19" spans="1:5" ht="15">
      <c r="A19" s="2" t="s">
        <v>75</v>
      </c>
      <c r="B19" s="3" t="s">
        <v>76</v>
      </c>
      <c r="C19" s="5" t="s">
        <v>77</v>
      </c>
      <c r="D19" s="3" t="s">
        <v>78</v>
      </c>
      <c r="E19" s="3"/>
    </row>
    <row r="20" spans="1:5" ht="15">
      <c r="A20" s="2" t="s">
        <v>79</v>
      </c>
      <c r="B20" s="3" t="s">
        <v>80</v>
      </c>
      <c r="C20" s="3" t="s">
        <v>81</v>
      </c>
      <c r="D20" s="3" t="s">
        <v>82</v>
      </c>
      <c r="E20" s="3"/>
    </row>
    <row r="21" spans="1:5" ht="15">
      <c r="A21" s="2" t="s">
        <v>83</v>
      </c>
      <c r="B21" s="3" t="s">
        <v>84</v>
      </c>
      <c r="C21" s="3" t="s">
        <v>85</v>
      </c>
      <c r="D21" s="3" t="s">
        <v>38</v>
      </c>
      <c r="E21" s="3"/>
    </row>
    <row r="22" spans="1:5" ht="15">
      <c r="A22" s="2" t="s">
        <v>86</v>
      </c>
      <c r="B22" s="3" t="s">
        <v>87</v>
      </c>
      <c r="C22" s="3" t="s">
        <v>88</v>
      </c>
      <c r="D22" s="4" t="s">
        <v>89</v>
      </c>
      <c r="E22" s="3"/>
    </row>
    <row r="23" spans="1:5" ht="15">
      <c r="A23" s="2" t="s">
        <v>90</v>
      </c>
      <c r="B23" s="3" t="s">
        <v>91</v>
      </c>
      <c r="C23" s="3" t="s">
        <v>92</v>
      </c>
      <c r="D23" s="3" t="s">
        <v>93</v>
      </c>
      <c r="E23" s="3"/>
    </row>
    <row r="24" spans="1:5" ht="15">
      <c r="A24" s="2" t="s">
        <v>94</v>
      </c>
      <c r="B24" s="3" t="s">
        <v>95</v>
      </c>
      <c r="C24" s="3" t="s">
        <v>96</v>
      </c>
      <c r="D24" s="3" t="s">
        <v>97</v>
      </c>
      <c r="E24" s="3"/>
    </row>
    <row r="25" spans="1:5" ht="15">
      <c r="A25" s="1" t="s">
        <v>98</v>
      </c>
      <c r="B25" s="3" t="s">
        <v>99</v>
      </c>
      <c r="C25" s="3" t="s">
        <v>100</v>
      </c>
      <c r="D25" s="4" t="s">
        <v>101</v>
      </c>
      <c r="E25" s="3"/>
    </row>
    <row r="26" spans="1:5" ht="15">
      <c r="A26" s="1" t="s">
        <v>102</v>
      </c>
      <c r="B26" s="3" t="s">
        <v>103</v>
      </c>
      <c r="C26" s="3" t="s">
        <v>104</v>
      </c>
      <c r="D26" s="3" t="s">
        <v>13</v>
      </c>
      <c r="E26" s="3" t="s">
        <v>14</v>
      </c>
    </row>
    <row r="27" spans="1:5" ht="15">
      <c r="A27" s="1" t="s">
        <v>105</v>
      </c>
      <c r="B27" s="3" t="s">
        <v>106</v>
      </c>
      <c r="C27" s="3" t="s">
        <v>107</v>
      </c>
      <c r="D27" s="3" t="s">
        <v>108</v>
      </c>
      <c r="E27" s="3" t="s">
        <v>109</v>
      </c>
    </row>
    <row r="28" spans="1:5" ht="15">
      <c r="A28" s="1" t="s">
        <v>110</v>
      </c>
      <c r="B28" s="3" t="s">
        <v>111</v>
      </c>
      <c r="C28" s="3" t="s">
        <v>112</v>
      </c>
      <c r="D28" s="3" t="s">
        <v>108</v>
      </c>
      <c r="E28" s="3" t="s">
        <v>109</v>
      </c>
    </row>
    <row r="29" spans="1:5" ht="15">
      <c r="A29" s="1" t="s">
        <v>113</v>
      </c>
      <c r="B29" s="3" t="s">
        <v>114</v>
      </c>
      <c r="C29" s="3" t="s">
        <v>115</v>
      </c>
      <c r="D29" s="3" t="s">
        <v>108</v>
      </c>
      <c r="E29" s="3" t="s">
        <v>109</v>
      </c>
    </row>
    <row r="32" spans="1:5">
      <c r="A32" s="6" t="s">
        <v>116</v>
      </c>
    </row>
    <row r="34" ht="15"/>
  </sheetData>
  <sortState xmlns:xlrd2="http://schemas.microsoft.com/office/spreadsheetml/2017/richdata2" ref="A2:XFD29">
    <sortCondition ref="A2:A29"/>
  </sortState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408D0D6-C97A-426B-8466-DDDAA7A3F420}"/>
</file>

<file path=customXml/itemProps2.xml><?xml version="1.0" encoding="utf-8"?>
<ds:datastoreItem xmlns:ds="http://schemas.openxmlformats.org/officeDocument/2006/customXml" ds:itemID="{613AEFFE-C095-42A7-A0AC-5564FFC1D197}"/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 Online</Application>
  <Manager/>
  <Company/>
  <HyperlinkBase/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6-01-20T11:38:28Z</dcterms:created>
  <dcterms:modified xsi:type="dcterms:W3CDTF">2026-07-06T11:20:34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uoffice</vt:lpwstr>
  </property>
  <property fmtid="{D5CDD505-2E9C-101B-9397-08002B2CF9AE}" pid="3" name="TemplafyTemplateId">
    <vt:lpwstr>1054884838842826804</vt:lpwstr>
  </property>
  <property fmtid="{D5CDD505-2E9C-101B-9397-08002B2CF9AE}" pid="4" name="TemplafyUserProfileId">
    <vt:lpwstr>1208577151824561258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